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enlo/"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8FF8AA0A-5EDC-7CC6-4A8A-78E0808826A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3646" y="4924926"/>
            <a:ext cx="1794406" cy="17441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C6DC1BEF-FE47-20CF-5B7C-3192407D763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3418" y="4222976"/>
            <a:ext cx="1130353" cy="109870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11T13:01:28Z</dcterms:modified>
</cp:coreProperties>
</file>